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726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67ACCF9E-6297-41A2-AB7B-369D51D4F9B6}" xr6:coauthVersionLast="47" xr6:coauthVersionMax="47" xr10:uidLastSave="{00000000-0000-0000-0000-000000000000}"/>
  <bookViews>
    <workbookView xWindow="-120" yWindow="-120" windowWidth="29040" windowHeight="1584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A164" i="1" l="1"/>
  <c r="A163" i="1"/>
  <c r="A162" i="1"/>
  <c r="A161" i="1"/>
  <c r="A160" i="1"/>
  <c r="A159" i="1"/>
  <c r="A158" i="1"/>
  <c r="A157" i="1"/>
  <c r="A156" i="1"/>
  <c r="A155" i="1"/>
  <c r="A154" i="1"/>
  <c r="A153" i="1"/>
  <c r="A152" i="1"/>
  <c r="A151" i="1"/>
  <c r="A150" i="1"/>
  <c r="A149" i="1"/>
  <c r="A148" i="1"/>
  <c r="A147" i="1"/>
  <c r="A146" i="1"/>
  <c r="A145" i="1"/>
  <c r="A144" i="1"/>
  <c r="A143" i="1"/>
  <c r="A142" i="1"/>
  <c r="A141" i="1"/>
  <c r="A140" i="1"/>
  <c r="A139" i="1"/>
  <c r="A138" i="1"/>
  <c r="A137" i="1"/>
  <c r="A136" i="1"/>
  <c r="A135" i="1"/>
  <c r="A134" i="1"/>
  <c r="A133" i="1"/>
  <c r="A132" i="1"/>
  <c r="A131" i="1"/>
  <c r="A130" i="1"/>
  <c r="A129" i="1"/>
  <c r="A128" i="1"/>
  <c r="A127" i="1"/>
  <c r="A126" i="1"/>
  <c r="A125" i="1"/>
  <c r="A124" i="1"/>
  <c r="A123" i="1"/>
  <c r="A122" i="1"/>
  <c r="A121" i="1"/>
  <c r="A120" i="1"/>
  <c r="A119" i="1"/>
  <c r="A118" i="1"/>
  <c r="A117" i="1"/>
  <c r="A116" i="1"/>
  <c r="A115" i="1"/>
  <c r="A114" i="1"/>
  <c r="A113" i="1"/>
  <c r="A112" i="1"/>
  <c r="A111" i="1"/>
  <c r="A110" i="1"/>
  <c r="A109" i="1"/>
  <c r="A108" i="1"/>
  <c r="A107" i="1"/>
  <c r="A106" i="1"/>
  <c r="A105" i="1"/>
  <c r="A104" i="1"/>
  <c r="A103" i="1"/>
  <c r="A102" i="1"/>
  <c r="A101" i="1"/>
  <c r="A100" i="1"/>
  <c r="A99" i="1"/>
  <c r="A98" i="1"/>
  <c r="A97" i="1"/>
  <c r="A96" i="1"/>
  <c r="A95" i="1"/>
  <c r="A94" i="1"/>
  <c r="A93" i="1"/>
  <c r="A92" i="1"/>
  <c r="A91" i="1"/>
  <c r="A90" i="1"/>
  <c r="A89" i="1"/>
  <c r="A88" i="1"/>
  <c r="A87" i="1"/>
  <c r="A86" i="1"/>
  <c r="A85" i="1"/>
  <c r="A84" i="1"/>
  <c r="A83" i="1"/>
  <c r="A82" i="1"/>
  <c r="A81" i="1"/>
  <c r="A80" i="1"/>
  <c r="A79" i="1"/>
  <c r="A78" i="1"/>
  <c r="A77" i="1"/>
  <c r="A76" i="1"/>
  <c r="A75" i="1"/>
  <c r="A74" i="1"/>
  <c r="A73" i="1"/>
  <c r="A72" i="1"/>
  <c r="A71" i="1"/>
  <c r="A70" i="1"/>
  <c r="A69" i="1"/>
  <c r="A68" i="1"/>
  <c r="A67" i="1"/>
  <c r="A66" i="1"/>
  <c r="A65" i="1"/>
  <c r="A64" i="1"/>
  <c r="A63" i="1"/>
  <c r="A62" i="1"/>
  <c r="A61" i="1"/>
  <c r="A60" i="1"/>
  <c r="A59" i="1"/>
  <c r="A58" i="1"/>
  <c r="A57" i="1"/>
  <c r="A56" i="1"/>
  <c r="A55" i="1"/>
  <c r="A54" i="1"/>
  <c r="A53" i="1"/>
  <c r="A52" i="1"/>
  <c r="A51" i="1"/>
  <c r="A50" i="1"/>
  <c r="A49" i="1"/>
  <c r="A48" i="1"/>
  <c r="A47" i="1"/>
  <c r="A46" i="1"/>
  <c r="A45" i="1"/>
  <c r="A44" i="1"/>
  <c r="A43" i="1"/>
  <c r="A42" i="1"/>
  <c r="A41" i="1"/>
  <c r="A40" i="1"/>
  <c r="A39" i="1"/>
  <c r="A38" i="1"/>
  <c r="A37" i="1"/>
  <c r="A36" i="1"/>
  <c r="A35" i="1"/>
  <c r="A34" i="1"/>
  <c r="A33" i="1"/>
  <c r="A32" i="1"/>
  <c r="A31" i="1"/>
  <c r="A30" i="1"/>
  <c r="A29" i="1"/>
  <c r="A28" i="1"/>
  <c r="A27" i="1"/>
  <c r="A26" i="1"/>
  <c r="A25" i="1"/>
  <c r="A24" i="1"/>
  <c r="A23" i="1"/>
  <c r="A22" i="1"/>
  <c r="A21" i="1"/>
  <c r="A20" i="1"/>
  <c r="A19" i="1"/>
  <c r="A18" i="1"/>
  <c r="A17" i="1"/>
  <c r="A16" i="1"/>
  <c r="A15" i="1"/>
  <c r="A14" i="1"/>
  <c r="A13" i="1"/>
  <c r="A12" i="1"/>
  <c r="A11" i="1"/>
  <c r="A10" i="1"/>
  <c r="A9" i="1"/>
  <c r="A8" i="1"/>
  <c r="A7" i="1"/>
  <c r="A6" i="1"/>
  <c r="A5" i="1"/>
  <c r="A4" i="1"/>
  <c r="A3" i="1"/>
</calcChain>
</file>

<file path=xl/sharedStrings.xml><?xml version="1.0" encoding="utf-8"?>
<sst xmlns="http://schemas.openxmlformats.org/spreadsheetml/2006/main" count="3" uniqueCount="3">
  <si>
    <t>Date</t>
  </si>
  <si>
    <t>Greater Than 2.5 Million Population</t>
  </si>
  <si>
    <t>Less Than 2.5 Million Popula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"/>
  </numFmts>
  <fonts count="1" x14ac:knownFonts="1">
    <font>
      <sz val="11"/>
      <color theme="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/>
      <right/>
      <top/>
      <bottom style="thick">
        <color auto="1"/>
      </bottom>
      <diagonal/>
    </border>
  </borders>
  <cellStyleXfs count="1">
    <xf numFmtId="0" fontId="0" fillId="0" borderId="0"/>
  </cellStyleXfs>
  <cellXfs count="6">
    <xf numFmtId="0" fontId="0" fillId="0" borderId="0" xfId="0"/>
    <xf numFmtId="0" fontId="0" fillId="0" borderId="1" xfId="0" applyBorder="1"/>
    <xf numFmtId="0" fontId="0" fillId="0" borderId="1" xfId="0" applyBorder="1" applyAlignment="1">
      <alignment horizontal="center" vertical="center" wrapText="1"/>
    </xf>
    <xf numFmtId="0" fontId="0" fillId="0" borderId="0" xfId="0" applyAlignment="1">
      <alignment horizontal="left"/>
    </xf>
    <xf numFmtId="14" fontId="0" fillId="0" borderId="0" xfId="0" applyNumberFormat="1" applyAlignment="1">
      <alignment vertical="center" wrapText="1"/>
    </xf>
    <xf numFmtId="164" fontId="0" fillId="0" borderId="0" xfId="0" applyNumberFormat="1" applyAlignment="1">
      <alignment vertical="center" wrapText="1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2:D164"/>
  <sheetViews>
    <sheetView tabSelected="1" workbookViewId="0">
      <selection activeCell="G13" sqref="G13"/>
    </sheetView>
  </sheetViews>
  <sheetFormatPr defaultRowHeight="14.25" x14ac:dyDescent="0.2"/>
  <sheetData>
    <row r="2" spans="1:4" ht="57.75" thickBot="1" x14ac:dyDescent="0.25">
      <c r="A2" s="1"/>
      <c r="B2" s="2" t="s">
        <v>0</v>
      </c>
      <c r="C2" s="2" t="s">
        <v>1</v>
      </c>
      <c r="D2" s="2" t="s">
        <v>2</v>
      </c>
    </row>
    <row r="3" spans="1:4" ht="15" thickTop="1" x14ac:dyDescent="0.2">
      <c r="A3" s="3">
        <f>YEAR(B3)</f>
        <v>2011</v>
      </c>
      <c r="B3" s="4">
        <v>40575</v>
      </c>
      <c r="C3" s="5">
        <v>1.80248903123791</v>
      </c>
      <c r="D3" s="5">
        <v>1.9546088916419999</v>
      </c>
    </row>
    <row r="4" spans="1:4" x14ac:dyDescent="0.2">
      <c r="A4" s="3">
        <f t="shared" ref="A4:A67" si="0">YEAR(B4)</f>
        <v>2011</v>
      </c>
      <c r="B4" s="4">
        <v>40603</v>
      </c>
      <c r="C4" s="5">
        <v>2.3101320075432898</v>
      </c>
      <c r="D4" s="5">
        <v>2.49267680809329</v>
      </c>
    </row>
    <row r="5" spans="1:4" x14ac:dyDescent="0.2">
      <c r="A5" s="3">
        <f t="shared" si="0"/>
        <v>2011</v>
      </c>
      <c r="B5" s="4">
        <v>40634</v>
      </c>
      <c r="C5" s="5">
        <v>2.7802221562938398</v>
      </c>
      <c r="D5" s="5">
        <v>3.0635222715620798</v>
      </c>
    </row>
    <row r="6" spans="1:4" x14ac:dyDescent="0.2">
      <c r="A6" s="3">
        <f t="shared" si="0"/>
        <v>2011</v>
      </c>
      <c r="B6" s="4">
        <v>40664</v>
      </c>
      <c r="C6" s="5">
        <v>3.1390483457621801</v>
      </c>
      <c r="D6" s="5">
        <v>3.5748566684826599</v>
      </c>
    </row>
    <row r="7" spans="1:4" x14ac:dyDescent="0.2">
      <c r="A7" s="3">
        <f t="shared" si="0"/>
        <v>2011</v>
      </c>
      <c r="B7" s="4">
        <v>40695</v>
      </c>
      <c r="C7" s="5">
        <v>3.3108262387056802</v>
      </c>
      <c r="D7" s="5">
        <v>3.8560687831276601</v>
      </c>
    </row>
    <row r="8" spans="1:4" x14ac:dyDescent="0.2">
      <c r="A8" s="3">
        <f t="shared" si="0"/>
        <v>2011</v>
      </c>
      <c r="B8" s="4">
        <v>40725</v>
      </c>
      <c r="C8" s="5">
        <v>3.3415577537543402</v>
      </c>
      <c r="D8" s="5">
        <v>3.9143424446547401</v>
      </c>
    </row>
    <row r="9" spans="1:4" x14ac:dyDescent="0.2">
      <c r="A9" s="3">
        <f t="shared" si="0"/>
        <v>2011</v>
      </c>
      <c r="B9" s="4">
        <v>40756</v>
      </c>
      <c r="C9" s="5">
        <v>3.4489504666404098</v>
      </c>
      <c r="D9" s="5">
        <v>4.0183786309477503</v>
      </c>
    </row>
    <row r="10" spans="1:4" x14ac:dyDescent="0.2">
      <c r="A10" s="3">
        <f t="shared" si="0"/>
        <v>2011</v>
      </c>
      <c r="B10" s="4">
        <v>40787</v>
      </c>
      <c r="C10" s="5">
        <v>3.5863731351511299</v>
      </c>
      <c r="D10" s="5">
        <v>4.1234554178476897</v>
      </c>
    </row>
    <row r="11" spans="1:4" x14ac:dyDescent="0.2">
      <c r="A11" s="3">
        <f t="shared" si="0"/>
        <v>2011</v>
      </c>
      <c r="B11" s="4">
        <v>40817</v>
      </c>
      <c r="C11" s="5">
        <v>3.4589282003910302</v>
      </c>
      <c r="D11" s="5">
        <v>3.9894729439112102</v>
      </c>
    </row>
    <row r="12" spans="1:4" x14ac:dyDescent="0.2">
      <c r="A12" s="3">
        <f t="shared" si="0"/>
        <v>2011</v>
      </c>
      <c r="B12" s="4">
        <v>40848</v>
      </c>
      <c r="C12" s="5">
        <v>3.22953518512031</v>
      </c>
      <c r="D12" s="5">
        <v>3.7406225620510098</v>
      </c>
    </row>
    <row r="13" spans="1:4" x14ac:dyDescent="0.2">
      <c r="A13" s="3">
        <f t="shared" si="0"/>
        <v>2011</v>
      </c>
      <c r="B13" s="4">
        <v>40878</v>
      </c>
      <c r="C13" s="5">
        <v>2.9677448389492098</v>
      </c>
      <c r="D13" s="5">
        <v>3.4105172999394502</v>
      </c>
    </row>
    <row r="14" spans="1:4" x14ac:dyDescent="0.2">
      <c r="A14" s="3">
        <f t="shared" si="0"/>
        <v>2012</v>
      </c>
      <c r="B14" s="4">
        <v>40909</v>
      </c>
      <c r="C14" s="5">
        <v>2.74588590714438</v>
      </c>
      <c r="D14" s="5">
        <v>3.1121362276935902</v>
      </c>
    </row>
    <row r="15" spans="1:4" x14ac:dyDescent="0.2">
      <c r="A15" s="3">
        <f t="shared" si="0"/>
        <v>2012</v>
      </c>
      <c r="B15" s="4">
        <v>40940</v>
      </c>
      <c r="C15" s="5">
        <v>2.7288088072192598</v>
      </c>
      <c r="D15" s="5">
        <v>3.0151526242588198</v>
      </c>
    </row>
    <row r="16" spans="1:4" x14ac:dyDescent="0.2">
      <c r="A16" s="3">
        <f t="shared" si="0"/>
        <v>2012</v>
      </c>
      <c r="B16" s="4">
        <v>40969</v>
      </c>
      <c r="C16" s="5">
        <v>2.63006798798444</v>
      </c>
      <c r="D16" s="5">
        <v>2.8406037099983799</v>
      </c>
    </row>
    <row r="17" spans="1:4" x14ac:dyDescent="0.2">
      <c r="A17" s="3">
        <f t="shared" si="0"/>
        <v>2012</v>
      </c>
      <c r="B17" s="4">
        <v>41000</v>
      </c>
      <c r="C17" s="5">
        <v>2.3791817923854399</v>
      </c>
      <c r="D17" s="5">
        <v>2.5225238196366599</v>
      </c>
    </row>
    <row r="18" spans="1:4" x14ac:dyDescent="0.2">
      <c r="A18" s="3">
        <f t="shared" si="0"/>
        <v>2012</v>
      </c>
      <c r="B18" s="4">
        <v>41030</v>
      </c>
      <c r="C18" s="5">
        <v>1.9639480466382899</v>
      </c>
      <c r="D18" s="5">
        <v>2.0019679756686499</v>
      </c>
    </row>
    <row r="19" spans="1:4" x14ac:dyDescent="0.2">
      <c r="A19" s="3">
        <f t="shared" si="0"/>
        <v>2012</v>
      </c>
      <c r="B19" s="4">
        <v>41061</v>
      </c>
      <c r="C19" s="5">
        <v>1.6976897818019301</v>
      </c>
      <c r="D19" s="5">
        <v>1.58823130247822</v>
      </c>
    </row>
    <row r="20" spans="1:4" x14ac:dyDescent="0.2">
      <c r="A20" s="3">
        <f t="shared" si="0"/>
        <v>2012</v>
      </c>
      <c r="B20" s="4">
        <v>41091</v>
      </c>
      <c r="C20" s="5">
        <v>1.5595550374040501</v>
      </c>
      <c r="D20" s="5">
        <v>1.38396811337467</v>
      </c>
    </row>
    <row r="21" spans="1:4" x14ac:dyDescent="0.2">
      <c r="A21" s="3">
        <f t="shared" si="0"/>
        <v>2012</v>
      </c>
      <c r="B21" s="4">
        <v>41122</v>
      </c>
      <c r="C21" s="5">
        <v>1.5926701773782099</v>
      </c>
      <c r="D21" s="5">
        <v>1.35010356617006</v>
      </c>
    </row>
    <row r="22" spans="1:4" x14ac:dyDescent="0.2">
      <c r="A22" s="3">
        <f t="shared" si="0"/>
        <v>2012</v>
      </c>
      <c r="B22" s="4">
        <v>41153</v>
      </c>
      <c r="C22" s="5">
        <v>1.8857929352913601</v>
      </c>
      <c r="D22" s="5">
        <v>1.61231780915509</v>
      </c>
    </row>
    <row r="23" spans="1:4" x14ac:dyDescent="0.2">
      <c r="A23" s="3">
        <f t="shared" si="0"/>
        <v>2012</v>
      </c>
      <c r="B23" s="4">
        <v>41183</v>
      </c>
      <c r="C23" s="5">
        <v>2.1460234806763401</v>
      </c>
      <c r="D23" s="5">
        <v>1.8299346121400299</v>
      </c>
    </row>
    <row r="24" spans="1:4" x14ac:dyDescent="0.2">
      <c r="A24" s="3">
        <f t="shared" si="0"/>
        <v>2012</v>
      </c>
      <c r="B24" s="4">
        <v>41214</v>
      </c>
      <c r="C24" s="5">
        <v>2.0780719060383799</v>
      </c>
      <c r="D24" s="5">
        <v>1.69185259106138</v>
      </c>
    </row>
    <row r="25" spans="1:4" x14ac:dyDescent="0.2">
      <c r="A25" s="3">
        <f t="shared" si="0"/>
        <v>2012</v>
      </c>
      <c r="B25" s="4">
        <v>41244</v>
      </c>
      <c r="C25" s="5">
        <v>1.8626301182264</v>
      </c>
      <c r="D25" s="5">
        <v>1.52442289704611</v>
      </c>
    </row>
    <row r="26" spans="1:4" x14ac:dyDescent="0.2">
      <c r="A26" s="3">
        <f t="shared" si="0"/>
        <v>2013</v>
      </c>
      <c r="B26" s="4">
        <v>41275</v>
      </c>
      <c r="C26" s="5">
        <v>1.78894608901548</v>
      </c>
      <c r="D26" s="5">
        <v>1.4559452584561501</v>
      </c>
    </row>
    <row r="27" spans="1:4" x14ac:dyDescent="0.2">
      <c r="A27" s="3">
        <f t="shared" si="0"/>
        <v>2013</v>
      </c>
      <c r="B27" s="4">
        <v>41306</v>
      </c>
      <c r="C27" s="5">
        <v>1.9290826049257199</v>
      </c>
      <c r="D27" s="5">
        <v>1.57003886903198</v>
      </c>
    </row>
    <row r="28" spans="1:4" x14ac:dyDescent="0.2">
      <c r="A28" s="3">
        <f t="shared" si="0"/>
        <v>2013</v>
      </c>
      <c r="B28" s="4">
        <v>41334</v>
      </c>
      <c r="C28" s="5">
        <v>1.86155397618133</v>
      </c>
      <c r="D28" s="5">
        <v>1.5198491450848699</v>
      </c>
    </row>
    <row r="29" spans="1:4" x14ac:dyDescent="0.2">
      <c r="A29" s="3">
        <f t="shared" si="0"/>
        <v>2013</v>
      </c>
      <c r="B29" s="4">
        <v>41365</v>
      </c>
      <c r="C29" s="5">
        <v>1.4412623470211801</v>
      </c>
      <c r="D29" s="5">
        <v>1.0269463705784301</v>
      </c>
    </row>
    <row r="30" spans="1:4" x14ac:dyDescent="0.2">
      <c r="A30" s="3">
        <f t="shared" si="0"/>
        <v>2013</v>
      </c>
      <c r="B30" s="4">
        <v>41395</v>
      </c>
      <c r="C30" s="5">
        <v>1.3821761099058101</v>
      </c>
      <c r="D30" s="5">
        <v>0.94924053741184999</v>
      </c>
    </row>
    <row r="31" spans="1:4" x14ac:dyDescent="0.2">
      <c r="A31" s="3">
        <f t="shared" si="0"/>
        <v>2013</v>
      </c>
      <c r="B31" s="4">
        <v>41426</v>
      </c>
      <c r="C31" s="5">
        <v>1.64618390068924</v>
      </c>
      <c r="D31" s="5">
        <v>1.35527555511806</v>
      </c>
    </row>
    <row r="32" spans="1:4" x14ac:dyDescent="0.2">
      <c r="A32" s="3">
        <f t="shared" si="0"/>
        <v>2013</v>
      </c>
      <c r="B32" s="4">
        <v>41456</v>
      </c>
      <c r="C32" s="5">
        <v>1.91777414795488</v>
      </c>
      <c r="D32" s="5">
        <v>1.69727372325774</v>
      </c>
    </row>
    <row r="33" spans="1:4" x14ac:dyDescent="0.2">
      <c r="A33" s="3">
        <f t="shared" si="0"/>
        <v>2013</v>
      </c>
      <c r="B33" s="4">
        <v>41487</v>
      </c>
      <c r="C33" s="5">
        <v>1.77031700081858</v>
      </c>
      <c r="D33" s="5">
        <v>1.65292454024849</v>
      </c>
    </row>
    <row r="34" spans="1:4" x14ac:dyDescent="0.2">
      <c r="A34" s="3">
        <f t="shared" si="0"/>
        <v>2013</v>
      </c>
      <c r="B34" s="4">
        <v>41518</v>
      </c>
      <c r="C34" s="5">
        <v>1.38199395540868</v>
      </c>
      <c r="D34" s="5">
        <v>1.3265395457967899</v>
      </c>
    </row>
    <row r="35" spans="1:4" x14ac:dyDescent="0.2">
      <c r="A35" s="3">
        <f t="shared" si="0"/>
        <v>2013</v>
      </c>
      <c r="B35" s="4">
        <v>41548</v>
      </c>
      <c r="C35" s="5">
        <v>1.1048336472065401</v>
      </c>
      <c r="D35" s="5">
        <v>1.0685822147650901</v>
      </c>
    </row>
    <row r="36" spans="1:4" x14ac:dyDescent="0.2">
      <c r="A36" s="3">
        <f t="shared" si="0"/>
        <v>2013</v>
      </c>
      <c r="B36" s="4">
        <v>41579</v>
      </c>
      <c r="C36" s="5">
        <v>1.1121452721954099</v>
      </c>
      <c r="D36" s="5">
        <v>1.09979076638385</v>
      </c>
    </row>
    <row r="37" spans="1:4" x14ac:dyDescent="0.2">
      <c r="A37" s="3">
        <f t="shared" si="0"/>
        <v>2013</v>
      </c>
      <c r="B37" s="4">
        <v>41609</v>
      </c>
      <c r="C37" s="5">
        <v>1.4304852350849</v>
      </c>
      <c r="D37" s="5">
        <v>1.28738008833378</v>
      </c>
    </row>
    <row r="38" spans="1:4" x14ac:dyDescent="0.2">
      <c r="A38" s="3">
        <f t="shared" si="0"/>
        <v>2014</v>
      </c>
      <c r="B38" s="4">
        <v>41640</v>
      </c>
      <c r="C38" s="5">
        <v>1.63356944696023</v>
      </c>
      <c r="D38" s="5">
        <v>1.4118433082495201</v>
      </c>
    </row>
    <row r="39" spans="1:4" x14ac:dyDescent="0.2">
      <c r="A39" s="3">
        <f t="shared" si="0"/>
        <v>2014</v>
      </c>
      <c r="B39" s="4">
        <v>41671</v>
      </c>
      <c r="C39" s="5">
        <v>1.4238729153732701</v>
      </c>
      <c r="D39" s="5">
        <v>1.23234817771278</v>
      </c>
    </row>
    <row r="40" spans="1:4" x14ac:dyDescent="0.2">
      <c r="A40" s="3">
        <f t="shared" si="0"/>
        <v>2014</v>
      </c>
      <c r="B40" s="4">
        <v>41699</v>
      </c>
      <c r="C40" s="5">
        <v>1.37094474027244</v>
      </c>
      <c r="D40" s="5">
        <v>1.1937806532401201</v>
      </c>
    </row>
    <row r="41" spans="1:4" x14ac:dyDescent="0.2">
      <c r="A41" s="3">
        <f t="shared" si="0"/>
        <v>2014</v>
      </c>
      <c r="B41" s="4">
        <v>41730</v>
      </c>
      <c r="C41" s="5">
        <v>1.7474808858237201</v>
      </c>
      <c r="D41" s="5">
        <v>1.6333622936576899</v>
      </c>
    </row>
    <row r="42" spans="1:4" x14ac:dyDescent="0.2">
      <c r="A42" s="3">
        <f t="shared" si="0"/>
        <v>2014</v>
      </c>
      <c r="B42" s="4">
        <v>41760</v>
      </c>
      <c r="C42" s="5">
        <v>2.0166302546331099</v>
      </c>
      <c r="D42" s="5">
        <v>2.0147614811520098</v>
      </c>
    </row>
    <row r="43" spans="1:4" x14ac:dyDescent="0.2">
      <c r="A43" s="3">
        <f t="shared" si="0"/>
        <v>2014</v>
      </c>
      <c r="B43" s="4">
        <v>41791</v>
      </c>
      <c r="C43" s="5">
        <v>2.0870778795119498</v>
      </c>
      <c r="D43" s="5">
        <v>2.1047592950374399</v>
      </c>
    </row>
    <row r="44" spans="1:4" x14ac:dyDescent="0.2">
      <c r="A44" s="3">
        <f t="shared" si="0"/>
        <v>2014</v>
      </c>
      <c r="B44" s="4">
        <v>41821</v>
      </c>
      <c r="C44" s="5">
        <v>2.0431293410925599</v>
      </c>
      <c r="D44" s="5">
        <v>2.01430625075775</v>
      </c>
    </row>
    <row r="45" spans="1:4" x14ac:dyDescent="0.2">
      <c r="A45" s="3">
        <f t="shared" si="0"/>
        <v>2014</v>
      </c>
      <c r="B45" s="4">
        <v>41852</v>
      </c>
      <c r="C45" s="5">
        <v>1.8898365299609301</v>
      </c>
      <c r="D45" s="5">
        <v>1.73954869317572</v>
      </c>
    </row>
    <row r="46" spans="1:4" x14ac:dyDescent="0.2">
      <c r="A46" s="3">
        <f t="shared" si="0"/>
        <v>2014</v>
      </c>
      <c r="B46" s="4">
        <v>41883</v>
      </c>
      <c r="C46" s="5">
        <v>1.6996702761437401</v>
      </c>
      <c r="D46" s="5">
        <v>1.53589338605047</v>
      </c>
    </row>
    <row r="47" spans="1:4" x14ac:dyDescent="0.2">
      <c r="A47" s="3">
        <f t="shared" si="0"/>
        <v>2014</v>
      </c>
      <c r="B47" s="4">
        <v>41913</v>
      </c>
      <c r="C47" s="5">
        <v>1.67170795367483</v>
      </c>
      <c r="D47" s="5">
        <v>1.51035668212647</v>
      </c>
    </row>
    <row r="48" spans="1:4" x14ac:dyDescent="0.2">
      <c r="A48" s="3">
        <f t="shared" si="0"/>
        <v>2014</v>
      </c>
      <c r="B48" s="4">
        <v>41944</v>
      </c>
      <c r="C48" s="5">
        <v>1.5615753829969199</v>
      </c>
      <c r="D48" s="5">
        <v>1.2774513372506</v>
      </c>
    </row>
    <row r="49" spans="1:4" x14ac:dyDescent="0.2">
      <c r="A49" s="3">
        <f t="shared" si="0"/>
        <v>2014</v>
      </c>
      <c r="B49" s="4">
        <v>41974</v>
      </c>
      <c r="C49" s="5">
        <v>1.1539121381686299</v>
      </c>
      <c r="D49" s="5">
        <v>0.77490044681758596</v>
      </c>
    </row>
    <row r="50" spans="1:4" x14ac:dyDescent="0.2">
      <c r="A50" s="3">
        <f t="shared" si="0"/>
        <v>2015</v>
      </c>
      <c r="B50" s="4">
        <v>42005</v>
      </c>
      <c r="C50" s="5">
        <v>0.51685403798079999</v>
      </c>
      <c r="D50" s="5">
        <v>-1.38698659824073E-2</v>
      </c>
    </row>
    <row r="51" spans="1:4" x14ac:dyDescent="0.2">
      <c r="A51" s="3">
        <f t="shared" si="0"/>
        <v>2015</v>
      </c>
      <c r="B51" s="4">
        <v>42036</v>
      </c>
      <c r="C51" s="5">
        <v>0.17358718024797401</v>
      </c>
      <c r="D51" s="5">
        <v>-0.45577055977883901</v>
      </c>
    </row>
    <row r="52" spans="1:4" x14ac:dyDescent="0.2">
      <c r="A52" s="3">
        <f t="shared" si="0"/>
        <v>2015</v>
      </c>
      <c r="B52" s="4">
        <v>42064</v>
      </c>
      <c r="C52" s="5">
        <v>0.197884427123421</v>
      </c>
      <c r="D52" s="5">
        <v>-0.46404190814033403</v>
      </c>
    </row>
    <row r="53" spans="1:4" x14ac:dyDescent="0.2">
      <c r="A53" s="3">
        <f t="shared" si="0"/>
        <v>2015</v>
      </c>
      <c r="B53" s="4">
        <v>42095</v>
      </c>
      <c r="C53" s="5">
        <v>0.13010072388782501</v>
      </c>
      <c r="D53" s="5">
        <v>-0.57616686613096302</v>
      </c>
    </row>
    <row r="54" spans="1:4" x14ac:dyDescent="0.2">
      <c r="A54" s="3">
        <f t="shared" si="0"/>
        <v>2015</v>
      </c>
      <c r="B54" s="4">
        <v>42125</v>
      </c>
      <c r="C54" s="5">
        <v>0.17330742568087801</v>
      </c>
      <c r="D54" s="5">
        <v>-0.59916750120922102</v>
      </c>
    </row>
    <row r="55" spans="1:4" x14ac:dyDescent="0.2">
      <c r="A55" s="3">
        <f t="shared" si="0"/>
        <v>2015</v>
      </c>
      <c r="B55" s="4">
        <v>42156</v>
      </c>
      <c r="C55" s="5">
        <v>0.33279478575471899</v>
      </c>
      <c r="D55" s="5">
        <v>-0.43958731787190197</v>
      </c>
    </row>
    <row r="56" spans="1:4" x14ac:dyDescent="0.2">
      <c r="A56" s="3">
        <f t="shared" si="0"/>
        <v>2015</v>
      </c>
      <c r="B56" s="4">
        <v>42186</v>
      </c>
      <c r="C56" s="5">
        <v>0.43691519476069202</v>
      </c>
      <c r="D56" s="5">
        <v>-0.32563667232597698</v>
      </c>
    </row>
    <row r="57" spans="1:4" x14ac:dyDescent="0.2">
      <c r="A57" s="3">
        <f t="shared" si="0"/>
        <v>2015</v>
      </c>
      <c r="B57" s="4">
        <v>42217</v>
      </c>
      <c r="C57" s="5">
        <v>0.51760882673797504</v>
      </c>
      <c r="D57" s="5">
        <v>-0.32822012856704702</v>
      </c>
    </row>
    <row r="58" spans="1:4" x14ac:dyDescent="0.2">
      <c r="A58" s="3">
        <f t="shared" si="0"/>
        <v>2015</v>
      </c>
      <c r="B58" s="4">
        <v>42248</v>
      </c>
      <c r="C58" s="5">
        <v>0.46881979911668997</v>
      </c>
      <c r="D58" s="5">
        <v>-0.48538567057087101</v>
      </c>
    </row>
    <row r="59" spans="1:4" x14ac:dyDescent="0.2">
      <c r="A59" s="3">
        <f t="shared" si="0"/>
        <v>2015</v>
      </c>
      <c r="B59" s="4">
        <v>42278</v>
      </c>
      <c r="C59" s="5">
        <v>0.475176520472677</v>
      </c>
      <c r="D59" s="5">
        <v>-0.54002671173136896</v>
      </c>
    </row>
    <row r="60" spans="1:4" x14ac:dyDescent="0.2">
      <c r="A60" s="3">
        <f t="shared" si="0"/>
        <v>2015</v>
      </c>
      <c r="B60" s="4">
        <v>42309</v>
      </c>
      <c r="C60" s="5">
        <v>0.72022788333925702</v>
      </c>
      <c r="D60" s="5">
        <v>-0.283073763477665</v>
      </c>
    </row>
    <row r="61" spans="1:4" x14ac:dyDescent="0.2">
      <c r="A61" s="3">
        <f t="shared" si="0"/>
        <v>2015</v>
      </c>
      <c r="B61" s="4">
        <v>42339</v>
      </c>
      <c r="C61" s="5">
        <v>0.97207604682878102</v>
      </c>
      <c r="D61" s="5">
        <v>2.2737529670764301E-2</v>
      </c>
    </row>
    <row r="62" spans="1:4" x14ac:dyDescent="0.2">
      <c r="A62" s="3">
        <f t="shared" si="0"/>
        <v>2016</v>
      </c>
      <c r="B62" s="4">
        <v>42370</v>
      </c>
      <c r="C62" s="5">
        <v>1.36154725520846</v>
      </c>
      <c r="D62" s="5">
        <v>0.52608763503320399</v>
      </c>
    </row>
    <row r="63" spans="1:4" x14ac:dyDescent="0.2">
      <c r="A63" s="3">
        <f t="shared" si="0"/>
        <v>2016</v>
      </c>
      <c r="B63" s="4">
        <v>42401</v>
      </c>
      <c r="C63" s="5">
        <v>1.5057023579075099</v>
      </c>
      <c r="D63" s="5">
        <v>0.68140557690370596</v>
      </c>
    </row>
    <row r="64" spans="1:4" x14ac:dyDescent="0.2">
      <c r="A64" s="3">
        <f t="shared" si="0"/>
        <v>2016</v>
      </c>
      <c r="B64" s="4">
        <v>42430</v>
      </c>
      <c r="C64" s="5">
        <v>1.2290554653051899</v>
      </c>
      <c r="D64" s="5">
        <v>0.46585995883579501</v>
      </c>
    </row>
    <row r="65" spans="1:4" x14ac:dyDescent="0.2">
      <c r="A65" s="3">
        <f t="shared" si="0"/>
        <v>2016</v>
      </c>
      <c r="B65" s="4">
        <v>42461</v>
      </c>
      <c r="C65" s="5">
        <v>1.26255678731201</v>
      </c>
      <c r="D65" s="5">
        <v>0.55405568070434597</v>
      </c>
    </row>
    <row r="66" spans="1:4" x14ac:dyDescent="0.2">
      <c r="A66" s="3">
        <f t="shared" si="0"/>
        <v>2016</v>
      </c>
      <c r="B66" s="4">
        <v>42491</v>
      </c>
      <c r="C66" s="5">
        <v>1.33545273391157</v>
      </c>
      <c r="D66" s="5">
        <v>0.64390110172541504</v>
      </c>
    </row>
    <row r="67" spans="1:4" x14ac:dyDescent="0.2">
      <c r="A67" s="3">
        <f t="shared" si="0"/>
        <v>2016</v>
      </c>
      <c r="B67" s="4">
        <v>42522</v>
      </c>
      <c r="C67" s="5">
        <v>1.27010560892584</v>
      </c>
      <c r="D67" s="5">
        <v>0.57221238394530405</v>
      </c>
    </row>
    <row r="68" spans="1:4" x14ac:dyDescent="0.2">
      <c r="A68" s="3">
        <f t="shared" ref="A68:A131" si="1">YEAR(B68)</f>
        <v>2016</v>
      </c>
      <c r="B68" s="4">
        <v>42552</v>
      </c>
      <c r="C68" s="5">
        <v>1.1951452376209699</v>
      </c>
      <c r="D68" s="5">
        <v>0.45479166453748499</v>
      </c>
    </row>
    <row r="69" spans="1:4" x14ac:dyDescent="0.2">
      <c r="A69" s="3">
        <f t="shared" si="1"/>
        <v>2016</v>
      </c>
      <c r="B69" s="4">
        <v>42583</v>
      </c>
      <c r="C69" s="5">
        <v>1.1867282431247399</v>
      </c>
      <c r="D69" s="5">
        <v>0.58045692641060798</v>
      </c>
    </row>
    <row r="70" spans="1:4" x14ac:dyDescent="0.2">
      <c r="A70" s="3">
        <f t="shared" si="1"/>
        <v>2016</v>
      </c>
      <c r="B70" s="4">
        <v>42614</v>
      </c>
      <c r="C70" s="5">
        <v>1.45811082742404</v>
      </c>
      <c r="D70" s="5">
        <v>0.96798136550362102</v>
      </c>
    </row>
    <row r="71" spans="1:4" x14ac:dyDescent="0.2">
      <c r="A71" s="3">
        <f t="shared" si="1"/>
        <v>2016</v>
      </c>
      <c r="B71" s="4">
        <v>42644</v>
      </c>
      <c r="C71" s="5">
        <v>1.72474690715265</v>
      </c>
      <c r="D71" s="5">
        <v>1.2880285284616599</v>
      </c>
    </row>
    <row r="72" spans="1:4" x14ac:dyDescent="0.2">
      <c r="A72" s="3">
        <f t="shared" si="1"/>
        <v>2016</v>
      </c>
      <c r="B72" s="4">
        <v>42675</v>
      </c>
      <c r="C72" s="5">
        <v>1.84198504649727</v>
      </c>
      <c r="D72" s="5">
        <v>1.4327739313408101</v>
      </c>
    </row>
    <row r="73" spans="1:4" x14ac:dyDescent="0.2">
      <c r="A73" s="3">
        <f t="shared" si="1"/>
        <v>2016</v>
      </c>
      <c r="B73" s="4">
        <v>42705</v>
      </c>
      <c r="C73" s="5">
        <v>2.0529080563180702</v>
      </c>
      <c r="D73" s="5">
        <v>1.66359550174796</v>
      </c>
    </row>
    <row r="74" spans="1:4" x14ac:dyDescent="0.2">
      <c r="A74" s="3">
        <f t="shared" si="1"/>
        <v>2017</v>
      </c>
      <c r="B74" s="4">
        <v>42736</v>
      </c>
      <c r="C74" s="5">
        <v>2.3856872574608801</v>
      </c>
      <c r="D74" s="5">
        <v>2.1840674504608799</v>
      </c>
    </row>
    <row r="75" spans="1:4" x14ac:dyDescent="0.2">
      <c r="A75" s="3">
        <f t="shared" si="1"/>
        <v>2017</v>
      </c>
      <c r="B75" s="4">
        <v>42767</v>
      </c>
      <c r="C75" s="5">
        <v>2.6650521797870499</v>
      </c>
      <c r="D75" s="5">
        <v>2.5975369254320002</v>
      </c>
    </row>
    <row r="76" spans="1:4" x14ac:dyDescent="0.2">
      <c r="A76" s="3">
        <f t="shared" si="1"/>
        <v>2017</v>
      </c>
      <c r="B76" s="4">
        <v>42795</v>
      </c>
      <c r="C76" s="5">
        <v>2.6575209309576402</v>
      </c>
      <c r="D76" s="5">
        <v>2.4539307922082001</v>
      </c>
    </row>
    <row r="77" spans="1:4" x14ac:dyDescent="0.2">
      <c r="A77" s="3">
        <f t="shared" si="1"/>
        <v>2017</v>
      </c>
      <c r="B77" s="4">
        <v>42826</v>
      </c>
      <c r="C77" s="5">
        <v>2.4411181837277098</v>
      </c>
      <c r="D77" s="5">
        <v>2.1137165841245702</v>
      </c>
    </row>
    <row r="78" spans="1:4" x14ac:dyDescent="0.2">
      <c r="A78" s="3">
        <f t="shared" si="1"/>
        <v>2017</v>
      </c>
      <c r="B78" s="4">
        <v>42856</v>
      </c>
      <c r="C78" s="5">
        <v>2.2326442091288099</v>
      </c>
      <c r="D78" s="5">
        <v>1.80834473976315</v>
      </c>
    </row>
    <row r="79" spans="1:4" x14ac:dyDescent="0.2">
      <c r="A79" s="3">
        <f t="shared" si="1"/>
        <v>2017</v>
      </c>
      <c r="B79" s="4">
        <v>42887</v>
      </c>
      <c r="C79" s="5">
        <v>2.0057306590257902</v>
      </c>
      <c r="D79" s="5">
        <v>1.4612383375742199</v>
      </c>
    </row>
    <row r="80" spans="1:4" x14ac:dyDescent="0.2">
      <c r="A80" s="3">
        <f t="shared" si="1"/>
        <v>2017</v>
      </c>
      <c r="B80" s="4">
        <v>42917</v>
      </c>
      <c r="C80" s="5">
        <v>1.9425910716831101</v>
      </c>
      <c r="D80" s="5">
        <v>1.3520937614455</v>
      </c>
    </row>
    <row r="81" spans="1:4" x14ac:dyDescent="0.2">
      <c r="A81" s="3">
        <f t="shared" si="1"/>
        <v>2017</v>
      </c>
      <c r="B81" s="4">
        <v>42948</v>
      </c>
      <c r="C81" s="5">
        <v>2.0593759192632302</v>
      </c>
      <c r="D81" s="5">
        <v>1.5063817659951499</v>
      </c>
    </row>
    <row r="82" spans="1:4" x14ac:dyDescent="0.2">
      <c r="A82" s="3">
        <f t="shared" si="1"/>
        <v>2017</v>
      </c>
      <c r="B82" s="4">
        <v>42979</v>
      </c>
      <c r="C82" s="5">
        <v>2.2935303153519402</v>
      </c>
      <c r="D82" s="5">
        <v>1.8093370055320099</v>
      </c>
    </row>
    <row r="83" spans="1:4" x14ac:dyDescent="0.2">
      <c r="A83" s="3">
        <f t="shared" si="1"/>
        <v>2017</v>
      </c>
      <c r="B83" s="4">
        <v>43009</v>
      </c>
      <c r="C83" s="5">
        <v>2.3547661241956699</v>
      </c>
      <c r="D83" s="5">
        <v>1.8919165716875599</v>
      </c>
    </row>
    <row r="84" spans="1:4" x14ac:dyDescent="0.2">
      <c r="A84" s="3">
        <f t="shared" si="1"/>
        <v>2017</v>
      </c>
      <c r="B84" s="4">
        <v>43040</v>
      </c>
      <c r="C84" s="5">
        <v>2.3304879395727802</v>
      </c>
      <c r="D84" s="5">
        <v>1.89511230232457</v>
      </c>
    </row>
    <row r="85" spans="1:4" x14ac:dyDescent="0.2">
      <c r="A85" s="3">
        <f t="shared" si="1"/>
        <v>2017</v>
      </c>
      <c r="B85" s="4">
        <v>43070</v>
      </c>
      <c r="C85" s="5">
        <v>2.36243729214815</v>
      </c>
      <c r="D85" s="5">
        <v>1.8945335659715901</v>
      </c>
    </row>
    <row r="86" spans="1:4" x14ac:dyDescent="0.2">
      <c r="A86" s="3">
        <f t="shared" si="1"/>
        <v>2018</v>
      </c>
      <c r="B86" s="4">
        <v>43101</v>
      </c>
      <c r="C86" s="5">
        <v>2.27816856289243</v>
      </c>
      <c r="D86" s="5">
        <v>1.7670313940102</v>
      </c>
    </row>
    <row r="87" spans="1:4" x14ac:dyDescent="0.2">
      <c r="A87" s="3">
        <f t="shared" si="1"/>
        <v>2018</v>
      </c>
      <c r="B87" s="4">
        <v>43132</v>
      </c>
      <c r="C87" s="5">
        <v>2.3405136239019799</v>
      </c>
      <c r="D87" s="5">
        <v>1.79347935667287</v>
      </c>
    </row>
    <row r="88" spans="1:4" x14ac:dyDescent="0.2">
      <c r="A88" s="3">
        <f t="shared" si="1"/>
        <v>2018</v>
      </c>
      <c r="B88" s="4">
        <v>43160</v>
      </c>
      <c r="C88" s="5">
        <v>2.49046423754098</v>
      </c>
      <c r="D88" s="5">
        <v>1.9546400053680399</v>
      </c>
    </row>
    <row r="89" spans="1:4" x14ac:dyDescent="0.2">
      <c r="A89" s="3">
        <f t="shared" si="1"/>
        <v>2018</v>
      </c>
      <c r="B89" s="4">
        <v>43191</v>
      </c>
      <c r="C89" s="5">
        <v>2.58286381628215</v>
      </c>
      <c r="D89" s="5">
        <v>2.1198703090877302</v>
      </c>
    </row>
    <row r="90" spans="1:4" x14ac:dyDescent="0.2">
      <c r="A90" s="3">
        <f t="shared" si="1"/>
        <v>2018</v>
      </c>
      <c r="B90" s="4">
        <v>43221</v>
      </c>
      <c r="C90" s="5">
        <v>2.75137146071964</v>
      </c>
      <c r="D90" s="5">
        <v>2.3946087858062501</v>
      </c>
    </row>
    <row r="91" spans="1:4" x14ac:dyDescent="0.2">
      <c r="A91" s="3">
        <f t="shared" si="1"/>
        <v>2018</v>
      </c>
      <c r="B91" s="4">
        <v>43252</v>
      </c>
      <c r="C91" s="5">
        <v>2.90824710218945</v>
      </c>
      <c r="D91" s="5">
        <v>2.6653781720541598</v>
      </c>
    </row>
    <row r="92" spans="1:4" x14ac:dyDescent="0.2">
      <c r="A92" s="3">
        <f t="shared" si="1"/>
        <v>2018</v>
      </c>
      <c r="B92" s="4">
        <v>43282</v>
      </c>
      <c r="C92" s="5">
        <v>2.9833123600393301</v>
      </c>
      <c r="D92" s="5">
        <v>2.7818766458209998</v>
      </c>
    </row>
    <row r="93" spans="1:4" x14ac:dyDescent="0.2">
      <c r="A93" s="3">
        <f t="shared" si="1"/>
        <v>2018</v>
      </c>
      <c r="B93" s="4">
        <v>43313</v>
      </c>
      <c r="C93" s="5">
        <v>2.9233023894144701</v>
      </c>
      <c r="D93" s="5">
        <v>2.69230512122892</v>
      </c>
    </row>
    <row r="94" spans="1:4" x14ac:dyDescent="0.2">
      <c r="A94" s="3">
        <f t="shared" si="1"/>
        <v>2018</v>
      </c>
      <c r="B94" s="4">
        <v>43344</v>
      </c>
      <c r="C94" s="5">
        <v>2.65351685941617</v>
      </c>
      <c r="D94" s="5">
        <v>2.2772949303235399</v>
      </c>
    </row>
    <row r="95" spans="1:4" x14ac:dyDescent="0.2">
      <c r="A95" s="3">
        <f t="shared" si="1"/>
        <v>2018</v>
      </c>
      <c r="B95" s="4">
        <v>43374</v>
      </c>
      <c r="C95" s="5">
        <v>2.6008326541401501</v>
      </c>
      <c r="D95" s="5">
        <v>2.1302937866984499</v>
      </c>
    </row>
    <row r="96" spans="1:4" x14ac:dyDescent="0.2">
      <c r="A96" s="3">
        <f t="shared" si="1"/>
        <v>2018</v>
      </c>
      <c r="B96" s="4">
        <v>43405</v>
      </c>
      <c r="C96" s="5">
        <v>2.5025331512401401</v>
      </c>
      <c r="D96" s="5">
        <v>2.1209112013736502</v>
      </c>
    </row>
    <row r="97" spans="1:4" x14ac:dyDescent="0.2">
      <c r="A97" s="3">
        <f t="shared" si="1"/>
        <v>2018</v>
      </c>
      <c r="B97" s="4">
        <v>43435</v>
      </c>
      <c r="C97" s="5">
        <v>2.2072541370871899</v>
      </c>
      <c r="D97" s="5">
        <v>1.8642957603646899</v>
      </c>
    </row>
    <row r="98" spans="1:4" x14ac:dyDescent="0.2">
      <c r="A98" s="3">
        <f t="shared" si="1"/>
        <v>2019</v>
      </c>
      <c r="B98" s="4">
        <v>43466</v>
      </c>
      <c r="C98" s="5">
        <v>1.9821304935544399</v>
      </c>
      <c r="D98" s="5">
        <v>1.5213792600112199</v>
      </c>
    </row>
    <row r="99" spans="1:4" x14ac:dyDescent="0.2">
      <c r="A99" s="3">
        <f t="shared" si="1"/>
        <v>2019</v>
      </c>
      <c r="B99" s="4">
        <v>43497</v>
      </c>
      <c r="C99" s="5">
        <v>1.7654275361209499</v>
      </c>
      <c r="D99" s="5">
        <v>1.34493174652958</v>
      </c>
    </row>
    <row r="100" spans="1:4" x14ac:dyDescent="0.2">
      <c r="A100" s="3">
        <f t="shared" si="1"/>
        <v>2019</v>
      </c>
      <c r="B100" s="4">
        <v>43525</v>
      </c>
      <c r="C100" s="5">
        <v>1.87061489519327</v>
      </c>
      <c r="D100" s="5">
        <v>1.54301284034145</v>
      </c>
    </row>
    <row r="101" spans="1:4" x14ac:dyDescent="0.2">
      <c r="A101" s="3">
        <f t="shared" si="1"/>
        <v>2019</v>
      </c>
      <c r="B101" s="4">
        <v>43556</v>
      </c>
      <c r="C101" s="5">
        <v>2.0978671539094802</v>
      </c>
      <c r="D101" s="5">
        <v>1.7901831838233999</v>
      </c>
    </row>
    <row r="102" spans="1:4" x14ac:dyDescent="0.2">
      <c r="A102" s="3">
        <f t="shared" si="1"/>
        <v>2019</v>
      </c>
      <c r="B102" s="4">
        <v>43586</v>
      </c>
      <c r="C102" s="5">
        <v>2.1113409915251999</v>
      </c>
      <c r="D102" s="5">
        <v>1.71214867800045</v>
      </c>
    </row>
    <row r="103" spans="1:4" x14ac:dyDescent="0.2">
      <c r="A103" s="3">
        <f t="shared" si="1"/>
        <v>2019</v>
      </c>
      <c r="B103" s="4">
        <v>43617</v>
      </c>
      <c r="C103" s="5">
        <v>1.96207898808251</v>
      </c>
      <c r="D103" s="5">
        <v>1.51777688028452</v>
      </c>
    </row>
    <row r="104" spans="1:4" x14ac:dyDescent="0.2">
      <c r="A104" s="3">
        <f t="shared" si="1"/>
        <v>2019</v>
      </c>
      <c r="B104" s="4">
        <v>43647</v>
      </c>
      <c r="C104" s="5">
        <v>1.9173949118024201</v>
      </c>
      <c r="D104" s="5">
        <v>1.5740110750479299</v>
      </c>
    </row>
    <row r="105" spans="1:4" x14ac:dyDescent="0.2">
      <c r="A105" s="3">
        <f t="shared" si="1"/>
        <v>2019</v>
      </c>
      <c r="B105" s="4">
        <v>43678</v>
      </c>
      <c r="C105" s="5">
        <v>2.0005773174556598</v>
      </c>
      <c r="D105" s="5">
        <v>1.5977685269869599</v>
      </c>
    </row>
    <row r="106" spans="1:4" x14ac:dyDescent="0.2">
      <c r="A106" s="3">
        <f t="shared" si="1"/>
        <v>2019</v>
      </c>
      <c r="B106" s="4">
        <v>43709</v>
      </c>
      <c r="C106" s="5">
        <v>1.99634720091901</v>
      </c>
      <c r="D106" s="5">
        <v>1.5098771537140401</v>
      </c>
    </row>
    <row r="107" spans="1:4" x14ac:dyDescent="0.2">
      <c r="A107" s="3">
        <f t="shared" si="1"/>
        <v>2019</v>
      </c>
      <c r="B107" s="4">
        <v>43739</v>
      </c>
      <c r="C107" s="5">
        <v>2.00911595033674</v>
      </c>
      <c r="D107" s="5">
        <v>1.5122314269835699</v>
      </c>
    </row>
    <row r="108" spans="1:4" x14ac:dyDescent="0.2">
      <c r="A108" s="3">
        <f t="shared" si="1"/>
        <v>2019</v>
      </c>
      <c r="B108" s="4">
        <v>43770</v>
      </c>
      <c r="C108" s="5">
        <v>2.1730301005069301</v>
      </c>
      <c r="D108" s="5">
        <v>1.68692252905039</v>
      </c>
    </row>
    <row r="109" spans="1:4" x14ac:dyDescent="0.2">
      <c r="A109" s="3">
        <f t="shared" si="1"/>
        <v>2019</v>
      </c>
      <c r="B109" s="4">
        <v>43800</v>
      </c>
      <c r="C109" s="5">
        <v>2.33500853404135</v>
      </c>
      <c r="D109" s="5">
        <v>2.0292854251804999</v>
      </c>
    </row>
    <row r="110" spans="1:4" x14ac:dyDescent="0.2">
      <c r="A110" s="3">
        <f t="shared" si="1"/>
        <v>2020</v>
      </c>
      <c r="B110" s="4">
        <v>43831</v>
      </c>
      <c r="C110" s="5">
        <v>2.5026778998368502</v>
      </c>
      <c r="D110" s="5">
        <v>2.2887168611509701</v>
      </c>
    </row>
    <row r="111" spans="1:4" x14ac:dyDescent="0.2">
      <c r="A111" s="3">
        <f t="shared" si="1"/>
        <v>2020</v>
      </c>
      <c r="B111" s="4">
        <v>43862</v>
      </c>
      <c r="C111" s="5">
        <v>2.5872665228341201</v>
      </c>
      <c r="D111" s="5">
        <v>2.26327327689265</v>
      </c>
    </row>
    <row r="112" spans="1:4" x14ac:dyDescent="0.2">
      <c r="A112" s="3">
        <f t="shared" si="1"/>
        <v>2020</v>
      </c>
      <c r="B112" s="4">
        <v>43891</v>
      </c>
      <c r="C112" s="5">
        <v>2.13763969841186</v>
      </c>
      <c r="D112" s="5">
        <v>1.7678036133841</v>
      </c>
    </row>
    <row r="113" spans="1:4" x14ac:dyDescent="0.2">
      <c r="A113" s="3">
        <f t="shared" si="1"/>
        <v>2020</v>
      </c>
      <c r="B113" s="4">
        <v>43922</v>
      </c>
      <c r="C113" s="5">
        <v>1.1293099229039101</v>
      </c>
      <c r="D113" s="5">
        <v>0.76914897387730896</v>
      </c>
    </row>
    <row r="114" spans="1:4" x14ac:dyDescent="0.2">
      <c r="A114" s="3">
        <f t="shared" si="1"/>
        <v>2020</v>
      </c>
      <c r="B114" s="4">
        <v>43952</v>
      </c>
      <c r="C114" s="5">
        <v>0.466479594431921</v>
      </c>
      <c r="D114" s="5">
        <v>2.0551882263393099E-2</v>
      </c>
    </row>
    <row r="115" spans="1:4" x14ac:dyDescent="0.2">
      <c r="A115" s="3">
        <f t="shared" si="1"/>
        <v>2020</v>
      </c>
      <c r="B115" s="4">
        <v>43983</v>
      </c>
      <c r="C115" s="5">
        <v>0.656254629335703</v>
      </c>
      <c r="D115" s="5">
        <v>0.15175431842098899</v>
      </c>
    </row>
    <row r="116" spans="1:4" x14ac:dyDescent="0.2">
      <c r="A116" s="3">
        <f t="shared" si="1"/>
        <v>2020</v>
      </c>
      <c r="B116" s="4">
        <v>44013</v>
      </c>
      <c r="C116" s="5">
        <v>1.01097032851778</v>
      </c>
      <c r="D116" s="5">
        <v>0.65318000589719405</v>
      </c>
    </row>
    <row r="117" spans="1:4" x14ac:dyDescent="0.2">
      <c r="A117" s="3">
        <f t="shared" si="1"/>
        <v>2020</v>
      </c>
      <c r="B117" s="4">
        <v>44044</v>
      </c>
      <c r="C117" s="5">
        <v>1.1938678318828</v>
      </c>
      <c r="D117" s="5">
        <v>1.1100432484382601</v>
      </c>
    </row>
    <row r="118" spans="1:4" x14ac:dyDescent="0.2">
      <c r="A118" s="3">
        <f t="shared" si="1"/>
        <v>2020</v>
      </c>
      <c r="B118" s="4">
        <v>44075</v>
      </c>
      <c r="C118" s="5">
        <v>1.2610492081269</v>
      </c>
      <c r="D118" s="5">
        <v>1.40729511533024</v>
      </c>
    </row>
    <row r="119" spans="1:4" x14ac:dyDescent="0.2">
      <c r="A119" s="3">
        <f t="shared" si="1"/>
        <v>2020</v>
      </c>
      <c r="B119" s="4">
        <v>44105</v>
      </c>
      <c r="C119" s="5">
        <v>1.1554610794826801</v>
      </c>
      <c r="D119" s="5">
        <v>1.37796788156647</v>
      </c>
    </row>
    <row r="120" spans="1:4" x14ac:dyDescent="0.2">
      <c r="A120" s="3">
        <f t="shared" si="1"/>
        <v>2020</v>
      </c>
      <c r="B120" s="4">
        <v>44136</v>
      </c>
      <c r="C120" s="5">
        <v>1.05814875497685</v>
      </c>
      <c r="D120" s="5">
        <v>1.2789842325774701</v>
      </c>
    </row>
    <row r="121" spans="1:4" x14ac:dyDescent="0.2">
      <c r="A121" s="3">
        <f t="shared" si="1"/>
        <v>2020</v>
      </c>
      <c r="B121" s="4">
        <v>44166</v>
      </c>
      <c r="C121" s="5">
        <v>1.1752962458329601</v>
      </c>
      <c r="D121" s="5">
        <v>1.3462110620926999</v>
      </c>
    </row>
    <row r="122" spans="1:4" x14ac:dyDescent="0.2">
      <c r="A122" s="3">
        <f t="shared" si="1"/>
        <v>2021</v>
      </c>
      <c r="B122" s="4">
        <v>44197</v>
      </c>
      <c r="C122" s="5">
        <v>1.23151000325907</v>
      </c>
      <c r="D122" s="5">
        <v>1.5065793046606</v>
      </c>
    </row>
    <row r="123" spans="1:4" x14ac:dyDescent="0.2">
      <c r="A123" s="3">
        <f t="shared" si="1"/>
        <v>2021</v>
      </c>
      <c r="B123" s="4">
        <v>44228</v>
      </c>
      <c r="C123" s="5">
        <v>1.2978743014185301</v>
      </c>
      <c r="D123" s="5">
        <v>1.74047659243732</v>
      </c>
    </row>
    <row r="124" spans="1:4" x14ac:dyDescent="0.2">
      <c r="A124" s="3">
        <f t="shared" si="1"/>
        <v>2021</v>
      </c>
      <c r="B124" s="4">
        <v>44256</v>
      </c>
      <c r="C124" s="5">
        <v>1.86756966738496</v>
      </c>
      <c r="D124" s="5">
        <v>2.38321179505144</v>
      </c>
    </row>
    <row r="125" spans="1:4" x14ac:dyDescent="0.2">
      <c r="A125" s="3">
        <f t="shared" si="1"/>
        <v>2021</v>
      </c>
      <c r="B125" s="4">
        <v>44287</v>
      </c>
      <c r="C125" s="5">
        <v>3.0843363353253102</v>
      </c>
      <c r="D125" s="5">
        <v>3.6424391647747099</v>
      </c>
    </row>
    <row r="126" spans="1:4" x14ac:dyDescent="0.2">
      <c r="A126" s="3">
        <f t="shared" si="1"/>
        <v>2021</v>
      </c>
      <c r="B126" s="4">
        <v>44317</v>
      </c>
      <c r="C126" s="5">
        <v>4.1043556039347404</v>
      </c>
      <c r="D126" s="5">
        <v>4.97445990156388</v>
      </c>
    </row>
    <row r="127" spans="1:4" x14ac:dyDescent="0.2">
      <c r="A127" s="3">
        <f t="shared" si="1"/>
        <v>2021</v>
      </c>
      <c r="B127" s="4">
        <v>44348</v>
      </c>
      <c r="C127" s="5">
        <v>4.5465917906948903</v>
      </c>
      <c r="D127" s="5">
        <v>5.7387053475610497</v>
      </c>
    </row>
    <row r="128" spans="1:4" x14ac:dyDescent="0.2">
      <c r="A128" s="3">
        <f t="shared" si="1"/>
        <v>2021</v>
      </c>
      <c r="B128" s="4">
        <v>44378</v>
      </c>
      <c r="C128" s="5">
        <v>4.7331654430774597</v>
      </c>
      <c r="D128" s="5">
        <v>5.9229422066550104</v>
      </c>
    </row>
    <row r="129" spans="1:4" x14ac:dyDescent="0.2">
      <c r="A129" s="3">
        <f t="shared" si="1"/>
        <v>2021</v>
      </c>
      <c r="B129" s="4">
        <v>44409</v>
      </c>
      <c r="C129" s="5">
        <v>4.7241399460718396</v>
      </c>
      <c r="D129" s="5">
        <v>5.8001045577681598</v>
      </c>
    </row>
    <row r="130" spans="1:4" x14ac:dyDescent="0.2">
      <c r="A130" s="3">
        <f t="shared" si="1"/>
        <v>2021</v>
      </c>
      <c r="B130" s="4">
        <v>44440</v>
      </c>
      <c r="C130" s="5">
        <v>4.7810076066218397</v>
      </c>
      <c r="D130" s="5">
        <v>5.7751384288639898</v>
      </c>
    </row>
    <row r="131" spans="1:4" x14ac:dyDescent="0.2">
      <c r="A131" s="3">
        <f t="shared" si="1"/>
        <v>2021</v>
      </c>
      <c r="B131" s="4">
        <v>44470</v>
      </c>
      <c r="C131" s="5">
        <v>5.2267360208062401</v>
      </c>
      <c r="D131" s="5">
        <v>6.29373942042898</v>
      </c>
    </row>
    <row r="132" spans="1:4" x14ac:dyDescent="0.2">
      <c r="A132" s="3">
        <f t="shared" ref="A132:A164" si="2">YEAR(B132)</f>
        <v>2021</v>
      </c>
      <c r="B132" s="4">
        <v>44501</v>
      </c>
      <c r="C132" s="5">
        <v>5.9157016674852798</v>
      </c>
      <c r="D132" s="5">
        <v>7.0199482740653503</v>
      </c>
    </row>
    <row r="133" spans="1:4" x14ac:dyDescent="0.2">
      <c r="A133" s="3">
        <f t="shared" si="2"/>
        <v>2021</v>
      </c>
      <c r="B133" s="4">
        <v>44531</v>
      </c>
      <c r="C133" s="5">
        <v>6.3756140204812297</v>
      </c>
      <c r="D133" s="5">
        <v>7.3834634409654303</v>
      </c>
    </row>
    <row r="134" spans="1:4" x14ac:dyDescent="0.2">
      <c r="A134" s="3">
        <f t="shared" si="2"/>
        <v>2022</v>
      </c>
      <c r="B134" s="4">
        <v>44562</v>
      </c>
      <c r="C134" s="5">
        <v>6.80815533012637</v>
      </c>
      <c r="D134" s="5">
        <v>7.6385632413617301</v>
      </c>
    </row>
    <row r="135" spans="1:4" x14ac:dyDescent="0.2">
      <c r="A135" s="3">
        <f t="shared" si="2"/>
        <v>2022</v>
      </c>
      <c r="B135" s="4">
        <v>44593</v>
      </c>
      <c r="C135" s="5">
        <v>7.2184816953134101</v>
      </c>
      <c r="D135" s="5">
        <v>8.05789587383887</v>
      </c>
    </row>
    <row r="136" spans="1:4" x14ac:dyDescent="0.2">
      <c r="A136" s="3">
        <f t="shared" si="2"/>
        <v>2022</v>
      </c>
      <c r="B136" s="4">
        <v>44621</v>
      </c>
      <c r="C136" s="5">
        <v>7.75352203882517</v>
      </c>
      <c r="D136" s="5">
        <v>8.5840740994171298</v>
      </c>
    </row>
    <row r="137" spans="1:4" x14ac:dyDescent="0.2">
      <c r="A137" s="3">
        <f t="shared" si="2"/>
        <v>2022</v>
      </c>
      <c r="B137" s="4">
        <v>44652</v>
      </c>
      <c r="C137" s="5">
        <v>8.0749462132933694</v>
      </c>
      <c r="D137" s="5">
        <v>8.6720699985499401</v>
      </c>
    </row>
    <row r="138" spans="1:4" x14ac:dyDescent="0.2">
      <c r="A138" s="3">
        <f t="shared" si="2"/>
        <v>2022</v>
      </c>
      <c r="B138" s="4">
        <v>44682</v>
      </c>
      <c r="C138" s="5">
        <v>8.1772846000620003</v>
      </c>
      <c r="D138" s="5">
        <v>8.6244705090758806</v>
      </c>
    </row>
    <row r="139" spans="1:4" x14ac:dyDescent="0.2">
      <c r="A139" s="3">
        <f t="shared" si="2"/>
        <v>2022</v>
      </c>
      <c r="B139" s="4">
        <v>44713</v>
      </c>
      <c r="C139" s="5">
        <v>8.6016056115964492</v>
      </c>
      <c r="D139" s="5">
        <v>8.9997727789138704</v>
      </c>
    </row>
    <row r="140" spans="1:4" x14ac:dyDescent="0.2">
      <c r="A140" s="3">
        <f t="shared" si="2"/>
        <v>2022</v>
      </c>
      <c r="B140" s="4">
        <v>44743</v>
      </c>
      <c r="C140" s="5">
        <v>8.6233742352134399</v>
      </c>
      <c r="D140" s="5">
        <v>8.9225644895100196</v>
      </c>
    </row>
    <row r="141" spans="1:4" x14ac:dyDescent="0.2">
      <c r="A141" s="3">
        <f t="shared" si="2"/>
        <v>2022</v>
      </c>
      <c r="B141" s="4">
        <v>44774</v>
      </c>
      <c r="C141" s="5">
        <v>8.29845832536191</v>
      </c>
      <c r="D141" s="5">
        <v>8.4651758948972908</v>
      </c>
    </row>
    <row r="142" spans="1:4" x14ac:dyDescent="0.2">
      <c r="A142" s="3">
        <f t="shared" si="2"/>
        <v>2022</v>
      </c>
      <c r="B142" s="4">
        <v>44805</v>
      </c>
      <c r="C142" s="5">
        <v>8.1797074714448694</v>
      </c>
      <c r="D142" s="5">
        <v>8.2717572852955605</v>
      </c>
    </row>
    <row r="143" spans="1:4" x14ac:dyDescent="0.2">
      <c r="A143" s="3">
        <f t="shared" si="2"/>
        <v>2022</v>
      </c>
      <c r="B143" s="4">
        <v>44835</v>
      </c>
      <c r="C143" s="5">
        <v>7.95695863140788</v>
      </c>
      <c r="D143" s="5">
        <v>7.9827201502182401</v>
      </c>
    </row>
    <row r="144" spans="1:4" x14ac:dyDescent="0.2">
      <c r="A144" s="3">
        <f t="shared" si="2"/>
        <v>2022</v>
      </c>
      <c r="B144" s="4">
        <v>44866</v>
      </c>
      <c r="C144" s="5">
        <v>7.4255071643597601</v>
      </c>
      <c r="D144" s="5">
        <v>7.4237457177507098</v>
      </c>
    </row>
    <row r="145" spans="1:4" x14ac:dyDescent="0.2">
      <c r="A145" s="3">
        <f t="shared" si="2"/>
        <v>2022</v>
      </c>
      <c r="B145" s="4">
        <v>44896</v>
      </c>
      <c r="C145" s="5">
        <v>6.7675528449080398</v>
      </c>
      <c r="D145" s="5">
        <v>6.7899547003195604</v>
      </c>
    </row>
    <row r="146" spans="1:4" x14ac:dyDescent="0.2">
      <c r="A146" s="3">
        <f t="shared" si="2"/>
        <v>2023</v>
      </c>
      <c r="B146" s="4">
        <v>44927</v>
      </c>
      <c r="C146" s="5">
        <v>6.4360305699784197</v>
      </c>
      <c r="D146" s="5">
        <v>6.4283918202178798</v>
      </c>
    </row>
    <row r="147" spans="1:4" x14ac:dyDescent="0.2">
      <c r="A147" s="3">
        <f t="shared" si="2"/>
        <v>2023</v>
      </c>
      <c r="B147" s="4">
        <v>44958</v>
      </c>
      <c r="C147" s="5">
        <v>6.2860173577627902</v>
      </c>
      <c r="D147" s="5">
        <v>6.1723136832223604</v>
      </c>
    </row>
    <row r="148" spans="1:4" x14ac:dyDescent="0.2">
      <c r="A148" s="3">
        <f t="shared" si="2"/>
        <v>2023</v>
      </c>
      <c r="B148" s="4">
        <v>44986</v>
      </c>
      <c r="C148" s="5">
        <v>5.5844381316142302</v>
      </c>
      <c r="D148" s="5">
        <v>5.4472334172603096</v>
      </c>
    </row>
    <row r="149" spans="1:4" x14ac:dyDescent="0.2">
      <c r="A149" s="3">
        <f t="shared" si="2"/>
        <v>2023</v>
      </c>
      <c r="B149" s="4">
        <v>45017</v>
      </c>
      <c r="C149" s="5">
        <v>4.9429887601825904</v>
      </c>
      <c r="D149" s="5">
        <v>4.9686425592441203</v>
      </c>
    </row>
    <row r="150" spans="1:4" x14ac:dyDescent="0.2">
      <c r="A150" s="3">
        <f t="shared" si="2"/>
        <v>2023</v>
      </c>
      <c r="B150" s="4">
        <v>45047</v>
      </c>
      <c r="C150" s="5">
        <v>4.5112514353470896</v>
      </c>
      <c r="D150" s="5">
        <v>4.4669504792152397</v>
      </c>
    </row>
    <row r="151" spans="1:4" x14ac:dyDescent="0.2">
      <c r="A151" s="3">
        <f t="shared" si="2"/>
        <v>2023</v>
      </c>
      <c r="B151" s="4">
        <v>45078</v>
      </c>
      <c r="C151" s="5">
        <v>3.6592547053115698</v>
      </c>
      <c r="D151" s="5">
        <v>3.3851148337460901</v>
      </c>
    </row>
    <row r="152" spans="1:4" x14ac:dyDescent="0.2">
      <c r="A152" s="3">
        <f t="shared" si="2"/>
        <v>2023</v>
      </c>
      <c r="B152" s="4">
        <v>45108</v>
      </c>
      <c r="C152" s="5">
        <v>3.28551502817208</v>
      </c>
      <c r="D152" s="5">
        <v>2.9097623174326301</v>
      </c>
    </row>
    <row r="153" spans="1:4" x14ac:dyDescent="0.2">
      <c r="A153" s="3">
        <f t="shared" si="2"/>
        <v>2023</v>
      </c>
      <c r="B153" s="4">
        <v>45139</v>
      </c>
      <c r="C153" s="5">
        <v>3.6160851475710998</v>
      </c>
      <c r="D153" s="5">
        <v>3.2706771069168501</v>
      </c>
    </row>
    <row r="154" spans="1:4" x14ac:dyDescent="0.2">
      <c r="A154" s="3">
        <f t="shared" si="2"/>
        <v>2023</v>
      </c>
      <c r="B154" s="4">
        <v>45170</v>
      </c>
      <c r="C154" s="5">
        <v>3.82388448598061</v>
      </c>
      <c r="D154" s="5">
        <v>3.5723648807141899</v>
      </c>
    </row>
    <row r="155" spans="1:4" x14ac:dyDescent="0.2">
      <c r="A155" s="3">
        <f t="shared" si="2"/>
        <v>2023</v>
      </c>
      <c r="B155" s="4">
        <v>45200</v>
      </c>
      <c r="C155" s="5">
        <v>3.6251712491849402</v>
      </c>
      <c r="D155" s="5">
        <v>3.34906244411119</v>
      </c>
    </row>
    <row r="156" spans="1:4" x14ac:dyDescent="0.2">
      <c r="A156" s="3">
        <f t="shared" si="2"/>
        <v>2023</v>
      </c>
      <c r="B156" s="4">
        <v>45231</v>
      </c>
      <c r="C156" s="5">
        <v>3.38999482345797</v>
      </c>
      <c r="D156" s="5">
        <v>3.0330331980069198</v>
      </c>
    </row>
    <row r="157" spans="1:4" x14ac:dyDescent="0.2">
      <c r="A157" s="3">
        <f t="shared" si="2"/>
        <v>2023</v>
      </c>
      <c r="B157" s="4">
        <v>45261</v>
      </c>
      <c r="C157" s="5">
        <v>3.4943132878103098</v>
      </c>
      <c r="D157" s="5">
        <v>3.04973890447233</v>
      </c>
    </row>
    <row r="158" spans="1:4" x14ac:dyDescent="0.2">
      <c r="A158" s="3">
        <f t="shared" si="2"/>
        <v>2024</v>
      </c>
      <c r="B158" s="4">
        <v>45292</v>
      </c>
      <c r="C158" s="5">
        <v>3.4321409909268099</v>
      </c>
      <c r="D158" s="5">
        <v>3.0554945054944902</v>
      </c>
    </row>
    <row r="159" spans="1:4" x14ac:dyDescent="0.2">
      <c r="A159" s="3">
        <f t="shared" si="2"/>
        <v>2024</v>
      </c>
      <c r="B159" s="4">
        <v>45323</v>
      </c>
      <c r="C159" s="5">
        <v>3.30797161277679</v>
      </c>
      <c r="D159" s="5">
        <v>2.9761953493195201</v>
      </c>
    </row>
    <row r="160" spans="1:4" x14ac:dyDescent="0.2">
      <c r="A160" s="3">
        <f t="shared" si="2"/>
        <v>2024</v>
      </c>
      <c r="B160" s="4">
        <v>45352</v>
      </c>
      <c r="C160" s="5">
        <v>3.48611552805805</v>
      </c>
      <c r="D160" s="5">
        <v>3.1814848015646602</v>
      </c>
    </row>
    <row r="161" spans="1:4" x14ac:dyDescent="0.2">
      <c r="A161" s="3">
        <f t="shared" si="2"/>
        <v>2024</v>
      </c>
      <c r="B161" s="4">
        <v>45383</v>
      </c>
      <c r="C161" s="5">
        <v>3.60223026917292</v>
      </c>
      <c r="D161" s="5">
        <v>3.2718470235036299</v>
      </c>
    </row>
    <row r="162" spans="1:4" x14ac:dyDescent="0.2">
      <c r="A162" s="3">
        <f t="shared" si="2"/>
        <v>2024</v>
      </c>
      <c r="B162" s="4">
        <v>45413</v>
      </c>
      <c r="C162" s="5">
        <v>3.5891856626147698</v>
      </c>
      <c r="D162" s="5">
        <v>3.0970624937673299</v>
      </c>
    </row>
    <row r="163" spans="1:4" x14ac:dyDescent="0.2">
      <c r="A163" s="3">
        <f t="shared" si="2"/>
        <v>2024</v>
      </c>
      <c r="B163" s="4">
        <v>45444</v>
      </c>
      <c r="C163" s="5">
        <v>3.4548731754286099</v>
      </c>
      <c r="D163" s="5">
        <v>2.8583718679427799</v>
      </c>
    </row>
    <row r="164" spans="1:4" x14ac:dyDescent="0.2">
      <c r="A164" s="3">
        <f t="shared" si="2"/>
        <v>2024</v>
      </c>
      <c r="B164" s="4">
        <v>45474</v>
      </c>
      <c r="C164" s="5">
        <v>3.3183621621910699</v>
      </c>
      <c r="D164" s="5">
        <v>2.63224941334227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67CEFEC-D327-497F-87E6-9DFA7269AAE5}">
  <ds:schemaRefs/>
</ds:datastoreItem>
</file>

<file path=customXml/itemProps2.xml><?xml version="1.0" encoding="utf-8"?>
<ds:datastoreItem xmlns:ds="http://schemas.openxmlformats.org/officeDocument/2006/customXml" ds:itemID="{3E183F81-2C33-43BC-8B03-941F3EADE996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9-09T20:36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